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88" r:id="rId2"/>
    <p:sldId id="270" r:id="rId3"/>
    <p:sldId id="285" r:id="rId4"/>
    <p:sldId id="284" r:id="rId5"/>
    <p:sldId id="283" r:id="rId6"/>
    <p:sldId id="282" r:id="rId7"/>
    <p:sldId id="273" r:id="rId8"/>
    <p:sldId id="278" r:id="rId9"/>
    <p:sldId id="287" r:id="rId10"/>
    <p:sldId id="286" r:id="rId11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8" autoAdjust="0"/>
    <p:restoredTop sz="94660"/>
  </p:normalViewPr>
  <p:slideViewPr>
    <p:cSldViewPr snapToGrid="0">
      <p:cViewPr varScale="1">
        <p:scale>
          <a:sx n="97" d="100"/>
          <a:sy n="97" d="100"/>
        </p:scale>
        <p:origin x="84" y="5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89D0B3FB-B9CD-4764-B589-7798A97071B4}" type="presOf" srcId="{62885FA7-E7FB-4933-9935-6A8AA90289B4}" destId="{8128ED5B-798D-45C7-BB11-A0996A8BF223}" srcOrd="1" destOrd="2" presId="urn:microsoft.com/office/officeart/2005/8/layout/cycle4"/>
    <dgm:cxn modelId="{B7269B33-2027-41D2-877C-9C09FF6D1AFA}" type="presOf" srcId="{DCE41F30-8A4B-4090-95D5-6CBD1CFA1EEC}" destId="{A67A60E5-5291-49E4-B3E5-53A58B528285}" srcOrd="0" destOrd="0" presId="urn:microsoft.com/office/officeart/2005/8/layout/cycle4"/>
    <dgm:cxn modelId="{E2754B57-2984-4FD2-B783-8552C8246FA1}" type="presOf" srcId="{CC293B1C-4CF8-4FF0-BBC7-4942ED2D7F88}" destId="{39401A14-B365-4553-9A3D-A401D3183747}" srcOrd="0" destOrd="0" presId="urn:microsoft.com/office/officeart/2005/8/layout/cycle4"/>
    <dgm:cxn modelId="{C9309115-721C-48C4-9369-542B8A264ABE}" type="presOf" srcId="{6446DC96-6D1C-4742-A646-C454D61C5C9D}" destId="{05478942-E273-4856-8553-F0FD8F015AA2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C3E8D53F-9F19-4D6D-8520-8C7F3D75E371}" type="presOf" srcId="{1981BF8C-ABB4-462F-BD54-45D3229B3478}" destId="{05478942-E273-4856-8553-F0FD8F015AA2}" srcOrd="0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03B2690-11E5-47AD-BCC6-61ACBE650952}" type="presOf" srcId="{7F397B27-ED42-4C0B-84EB-F42483A443DB}" destId="{60120B91-D76F-4101-857D-B9B656863593}" srcOrd="1" destOrd="1" presId="urn:microsoft.com/office/officeart/2005/8/layout/cycle4"/>
    <dgm:cxn modelId="{27155828-56A7-4BF4-8458-F295A9014509}" type="presOf" srcId="{49454F30-2B75-445A-845F-7473D893477D}" destId="{53088BBF-CDFB-43AD-88FA-A16B4FDD4AEA}" srcOrd="1" destOrd="0" presId="urn:microsoft.com/office/officeart/2005/8/layout/cycle4"/>
    <dgm:cxn modelId="{1055A9D0-9C78-4F22-9ACE-90E8B5CF69D8}" type="presOf" srcId="{62885FA7-E7FB-4933-9935-6A8AA90289B4}" destId="{BC6F0824-1351-49BA-BADB-F02B71A91728}" srcOrd="0" destOrd="2" presId="urn:microsoft.com/office/officeart/2005/8/layout/cycle4"/>
    <dgm:cxn modelId="{AB5765CF-0167-4FE2-BF9A-07ED0B2F26E9}" type="presOf" srcId="{0916D3E2-7950-4B1E-A80A-B1A0DFE4D7BE}" destId="{CF4FC7F6-A89C-4633-A10E-BFE92B369DCD}" srcOrd="0" destOrd="0" presId="urn:microsoft.com/office/officeart/2005/8/layout/cycle4"/>
    <dgm:cxn modelId="{16B43346-203E-404D-8530-860C599DFB3F}" type="presOf" srcId="{8BEA78FF-204F-4428-9092-659961DC247C}" destId="{C0852406-3DC0-4222-A1F8-184593FC4596}" srcOrd="0" destOrd="0" presId="urn:microsoft.com/office/officeart/2005/8/layout/cycle4"/>
    <dgm:cxn modelId="{C5F1050C-6E9E-4C54-966B-703AF570D023}" type="presOf" srcId="{850DD825-7D08-4BBC-94B9-7E217910F9A2}" destId="{53088BBF-CDFB-43AD-88FA-A16B4FDD4AEA}" srcOrd="1" destOrd="1" presId="urn:microsoft.com/office/officeart/2005/8/layout/cycle4"/>
    <dgm:cxn modelId="{0CC69F44-D607-40E7-840F-972AE0C732F5}" type="presOf" srcId="{850DD825-7D08-4BBC-94B9-7E217910F9A2}" destId="{431C4C2F-7F42-4D62-8EEF-918E7AD22EA0}" srcOrd="0" destOrd="1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266426E9-0DF4-450D-A48C-4EFDAB10A528}" type="presOf" srcId="{35F1F2D2-FC47-4990-98DB-731AFE036343}" destId="{BC6F0824-1351-49BA-BADB-F02B71A91728}" srcOrd="0" destOrd="0" presId="urn:microsoft.com/office/officeart/2005/8/layout/cycle4"/>
    <dgm:cxn modelId="{68FB5C9D-DDC8-4910-B2E5-E22BB93FDB98}" type="presOf" srcId="{7F397B27-ED42-4C0B-84EB-F42483A443DB}" destId="{68AC0C8C-6683-4490-8F38-983C8CB47C3F}" srcOrd="0" destOrd="1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414CD220-C59F-4661-8172-F038F66587EA}" type="presOf" srcId="{5A50A77D-7959-4302-B136-B1316B3CEC1D}" destId="{431C4C2F-7F42-4D62-8EEF-918E7AD22EA0}" srcOrd="0" destOrd="2" presId="urn:microsoft.com/office/officeart/2005/8/layout/cycle4"/>
    <dgm:cxn modelId="{566BE653-B770-4199-A086-63C9C0FABF06}" type="presOf" srcId="{5A50A77D-7959-4302-B136-B1316B3CEC1D}" destId="{53088BBF-CDFB-43AD-88FA-A16B4FDD4AEA}" srcOrd="1" destOrd="2" presId="urn:microsoft.com/office/officeart/2005/8/layout/cycle4"/>
    <dgm:cxn modelId="{A2BBFC70-EC5F-4207-B2BA-2AAE56D317DC}" type="presOf" srcId="{9B35DA45-8824-4EE3-89F0-3F4E07F980E3}" destId="{60120B91-D76F-4101-857D-B9B656863593}" srcOrd="1" destOrd="0" presId="urn:microsoft.com/office/officeart/2005/8/layout/cycle4"/>
    <dgm:cxn modelId="{8A65DEA3-CD5A-4164-9FF0-75D085D4963C}" type="presOf" srcId="{21C7A246-DDB5-40DD-9118-CC4963BF878A}" destId="{BC6F0824-1351-49BA-BADB-F02B71A91728}" srcOrd="0" destOrd="1" presId="urn:microsoft.com/office/officeart/2005/8/layout/cycle4"/>
    <dgm:cxn modelId="{121AB52D-0394-4FA4-9EF7-82DA7D790C6C}" type="presOf" srcId="{35F1F2D2-FC47-4990-98DB-731AFE036343}" destId="{8128ED5B-798D-45C7-BB11-A0996A8BF223}" srcOrd="1" destOrd="0" presId="urn:microsoft.com/office/officeart/2005/8/layout/cycle4"/>
    <dgm:cxn modelId="{428F15AF-99F9-482D-BD31-313434250C80}" type="presOf" srcId="{B8F4B4B5-48BB-4436-A4C8-0772D59377AC}" destId="{68AC0C8C-6683-4490-8F38-983C8CB47C3F}" srcOrd="0" destOrd="2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3B991839-62B0-437F-ABDE-F4C1C596D307}" type="presOf" srcId="{1981BF8C-ABB4-462F-BD54-45D3229B3478}" destId="{FFCC9154-8E22-496A-ADF8-EA81D4AB5D77}" srcOrd="1" destOrd="0" presId="urn:microsoft.com/office/officeart/2005/8/layout/cycle4"/>
    <dgm:cxn modelId="{7218C120-B69C-4A7A-BFBB-3F0F6D56C7F9}" type="presOf" srcId="{2B6A55A5-45D3-4E17-9C60-8FB16C933545}" destId="{FFCC9154-8E22-496A-ADF8-EA81D4AB5D77}" srcOrd="1" destOrd="1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3E82771C-0B66-4E74-9190-DF73756B0079}" type="presOf" srcId="{9B35DA45-8824-4EE3-89F0-3F4E07F980E3}" destId="{68AC0C8C-6683-4490-8F38-983C8CB47C3F}" srcOrd="0" destOrd="0" presId="urn:microsoft.com/office/officeart/2005/8/layout/cycle4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880D0322-3BCC-4373-B5CC-28A59B1C01C8}" type="presOf" srcId="{8FEE133A-1A79-4187-9AFD-4F06B42A70BC}" destId="{E72BDFA6-376E-4614-9D7C-A68241E884D9}" srcOrd="0" destOrd="0" presId="urn:microsoft.com/office/officeart/2005/8/layout/cycle4"/>
    <dgm:cxn modelId="{0CDC6E4C-D4C6-410A-AF0C-236AC9D58E85}" type="presOf" srcId="{49454F30-2B75-445A-845F-7473D893477D}" destId="{431C4C2F-7F42-4D62-8EEF-918E7AD22EA0}" srcOrd="0" destOrd="0" presId="urn:microsoft.com/office/officeart/2005/8/layout/cycle4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5B5D13D-EC31-405A-B94A-D19BE8153AD7}" type="presOf" srcId="{2B6A55A5-45D3-4E17-9C60-8FB16C933545}" destId="{05478942-E273-4856-8553-F0FD8F015AA2}" srcOrd="0" destOrd="1" presId="urn:microsoft.com/office/officeart/2005/8/layout/cycle4"/>
    <dgm:cxn modelId="{E2D839A8-A246-4BFE-8C62-59A978A4AE65}" type="presOf" srcId="{6446DC96-6D1C-4742-A646-C454D61C5C9D}" destId="{FFCC9154-8E22-496A-ADF8-EA81D4AB5D77}" srcOrd="1" destOrd="2" presId="urn:microsoft.com/office/officeart/2005/8/layout/cycle4"/>
    <dgm:cxn modelId="{AC846C45-BD23-47C6-830C-DB7B38427447}" type="presOf" srcId="{21C7A246-DDB5-40DD-9118-CC4963BF878A}" destId="{8128ED5B-798D-45C7-BB11-A0996A8BF223}" srcOrd="1" destOrd="1" presId="urn:microsoft.com/office/officeart/2005/8/layout/cycle4"/>
    <dgm:cxn modelId="{D00AE9DD-6598-4D17-9501-51424D49EECF}" type="presOf" srcId="{B8F4B4B5-48BB-4436-A4C8-0772D59377AC}" destId="{60120B91-D76F-4101-857D-B9B656863593}" srcOrd="1" destOrd="2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B1E069C3-9DD3-4EEB-A9B1-5E2D53207CE5}" type="presParOf" srcId="{39401A14-B365-4553-9A3D-A401D3183747}" destId="{D7E58549-68A7-4F21-BF0D-84F7636DCD92}" srcOrd="0" destOrd="0" presId="urn:microsoft.com/office/officeart/2005/8/layout/cycle4"/>
    <dgm:cxn modelId="{4079B0D3-B13D-4703-803A-77CE7F7A9C17}" type="presParOf" srcId="{D7E58549-68A7-4F21-BF0D-84F7636DCD92}" destId="{5D458377-8CFE-43EB-BDF2-7CB3F0D876C1}" srcOrd="0" destOrd="0" presId="urn:microsoft.com/office/officeart/2005/8/layout/cycle4"/>
    <dgm:cxn modelId="{C9FF3A53-9225-470B-9DC4-DDEF2A15114A}" type="presParOf" srcId="{5D458377-8CFE-43EB-BDF2-7CB3F0D876C1}" destId="{BC6F0824-1351-49BA-BADB-F02B71A91728}" srcOrd="0" destOrd="0" presId="urn:microsoft.com/office/officeart/2005/8/layout/cycle4"/>
    <dgm:cxn modelId="{32FF5024-F3A0-4017-B5E7-1E4A85B56AA4}" type="presParOf" srcId="{5D458377-8CFE-43EB-BDF2-7CB3F0D876C1}" destId="{8128ED5B-798D-45C7-BB11-A0996A8BF223}" srcOrd="1" destOrd="0" presId="urn:microsoft.com/office/officeart/2005/8/layout/cycle4"/>
    <dgm:cxn modelId="{208C1258-4F59-4F37-9B55-5507A08361D8}" type="presParOf" srcId="{D7E58549-68A7-4F21-BF0D-84F7636DCD92}" destId="{D1CAC0FF-E414-4230-81F1-48A389FCAA90}" srcOrd="1" destOrd="0" presId="urn:microsoft.com/office/officeart/2005/8/layout/cycle4"/>
    <dgm:cxn modelId="{B3F89FE8-929B-4AA3-9F55-93D39E35E25F}" type="presParOf" srcId="{D1CAC0FF-E414-4230-81F1-48A389FCAA90}" destId="{05478942-E273-4856-8553-F0FD8F015AA2}" srcOrd="0" destOrd="0" presId="urn:microsoft.com/office/officeart/2005/8/layout/cycle4"/>
    <dgm:cxn modelId="{312E9CFA-45CC-440E-9630-FD0C16E87221}" type="presParOf" srcId="{D1CAC0FF-E414-4230-81F1-48A389FCAA90}" destId="{FFCC9154-8E22-496A-ADF8-EA81D4AB5D77}" srcOrd="1" destOrd="0" presId="urn:microsoft.com/office/officeart/2005/8/layout/cycle4"/>
    <dgm:cxn modelId="{611DC188-F390-480E-B7FA-432BE2808F3E}" type="presParOf" srcId="{D7E58549-68A7-4F21-BF0D-84F7636DCD92}" destId="{AC6B2FBF-7301-4489-8CBA-C72E325139A7}" srcOrd="2" destOrd="0" presId="urn:microsoft.com/office/officeart/2005/8/layout/cycle4"/>
    <dgm:cxn modelId="{0C384FC3-DF99-4E2E-AE69-90C4BF30B22B}" type="presParOf" srcId="{AC6B2FBF-7301-4489-8CBA-C72E325139A7}" destId="{68AC0C8C-6683-4490-8F38-983C8CB47C3F}" srcOrd="0" destOrd="0" presId="urn:microsoft.com/office/officeart/2005/8/layout/cycle4"/>
    <dgm:cxn modelId="{DB192723-CADE-4A51-BF0E-1CCB6A7A12AB}" type="presParOf" srcId="{AC6B2FBF-7301-4489-8CBA-C72E325139A7}" destId="{60120B91-D76F-4101-857D-B9B656863593}" srcOrd="1" destOrd="0" presId="urn:microsoft.com/office/officeart/2005/8/layout/cycle4"/>
    <dgm:cxn modelId="{B9616B29-2AC8-4BD6-BC45-EB23D2D5D1AA}" type="presParOf" srcId="{D7E58549-68A7-4F21-BF0D-84F7636DCD92}" destId="{FE4735BA-FC16-4D11-8D7D-854C3BB49539}" srcOrd="3" destOrd="0" presId="urn:microsoft.com/office/officeart/2005/8/layout/cycle4"/>
    <dgm:cxn modelId="{4EB96866-A2D2-4CA8-9B35-AA8568884D6D}" type="presParOf" srcId="{FE4735BA-FC16-4D11-8D7D-854C3BB49539}" destId="{431C4C2F-7F42-4D62-8EEF-918E7AD22EA0}" srcOrd="0" destOrd="0" presId="urn:microsoft.com/office/officeart/2005/8/layout/cycle4"/>
    <dgm:cxn modelId="{F1686BD8-0BFA-43AE-807C-01AEAECADEAF}" type="presParOf" srcId="{FE4735BA-FC16-4D11-8D7D-854C3BB49539}" destId="{53088BBF-CDFB-43AD-88FA-A16B4FDD4AEA}" srcOrd="1" destOrd="0" presId="urn:microsoft.com/office/officeart/2005/8/layout/cycle4"/>
    <dgm:cxn modelId="{F544447E-1DE6-4E9E-B6D9-C23A69A933E7}" type="presParOf" srcId="{D7E58549-68A7-4F21-BF0D-84F7636DCD92}" destId="{4C71D571-69A8-40F3-850A-97D36405B4CD}" srcOrd="4" destOrd="0" presId="urn:microsoft.com/office/officeart/2005/8/layout/cycle4"/>
    <dgm:cxn modelId="{97E8767C-3ACB-4534-9585-B267EB4FC049}" type="presParOf" srcId="{39401A14-B365-4553-9A3D-A401D3183747}" destId="{BFB0D660-5BF3-4B91-8837-C379A331C3C8}" srcOrd="1" destOrd="0" presId="urn:microsoft.com/office/officeart/2005/8/layout/cycle4"/>
    <dgm:cxn modelId="{BF180665-6C13-4546-B1DC-666F0D9585F5}" type="presParOf" srcId="{BFB0D660-5BF3-4B91-8837-C379A331C3C8}" destId="{E72BDFA6-376E-4614-9D7C-A68241E884D9}" srcOrd="0" destOrd="0" presId="urn:microsoft.com/office/officeart/2005/8/layout/cycle4"/>
    <dgm:cxn modelId="{47AAD99C-8B73-45A4-8F24-22962417D1CD}" type="presParOf" srcId="{BFB0D660-5BF3-4B91-8837-C379A331C3C8}" destId="{A67A60E5-5291-49E4-B3E5-53A58B528285}" srcOrd="1" destOrd="0" presId="urn:microsoft.com/office/officeart/2005/8/layout/cycle4"/>
    <dgm:cxn modelId="{F61C284D-1717-415F-9D03-EF94A4DC2ECC}" type="presParOf" srcId="{BFB0D660-5BF3-4B91-8837-C379A331C3C8}" destId="{CF4FC7F6-A89C-4633-A10E-BFE92B369DCD}" srcOrd="2" destOrd="0" presId="urn:microsoft.com/office/officeart/2005/8/layout/cycle4"/>
    <dgm:cxn modelId="{496F0D79-A9D5-4885-8ACB-F5E9E8356003}" type="presParOf" srcId="{BFB0D660-5BF3-4B91-8837-C379A331C3C8}" destId="{C0852406-3DC0-4222-A1F8-184593FC4596}" srcOrd="3" destOrd="0" presId="urn:microsoft.com/office/officeart/2005/8/layout/cycle4"/>
    <dgm:cxn modelId="{C58586B8-8079-4ABF-9FEC-156811F5FF15}" type="presParOf" srcId="{BFB0D660-5BF3-4B91-8837-C379A331C3C8}" destId="{B569151F-8995-4BD7-A8F3-A948642763E3}" srcOrd="4" destOrd="0" presId="urn:microsoft.com/office/officeart/2005/8/layout/cycle4"/>
    <dgm:cxn modelId="{222A19FF-CEE0-4B33-84A5-43AFAE1ABB3D}" type="presParOf" srcId="{39401A14-B365-4553-9A3D-A401D3183747}" destId="{3B6382B4-DDDF-482E-9E6A-38E6F7DB930C}" srcOrd="2" destOrd="0" presId="urn:microsoft.com/office/officeart/2005/8/layout/cycle4"/>
    <dgm:cxn modelId="{F088471A-D70E-4ACA-82A8-EDBF314DDD84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C5B0C467-63B8-4E98-832A-9BF26145A1F5}" type="presOf" srcId="{EEB7DF95-B1E1-4355-BDED-67254F3A40BF}" destId="{156A4B50-5EBB-4BD2-8AF0-C722439DBC8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FFD69671-1326-471B-AA88-BD646D876CA6}" type="presOf" srcId="{7F397B27-ED42-4C0B-84EB-F42483A443DB}" destId="{FC75532D-1A75-4D81-A458-80C91B398F9D}" srcOrd="0" destOrd="0" presId="urn:microsoft.com/office/officeart/2005/8/layout/radial1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8AA47935-1384-4442-9382-F8E987DEE2AB}" type="presOf" srcId="{B8F4B4B5-48BB-4436-A4C8-0772D59377AC}" destId="{B8775ABA-3037-409F-B1F5-5479D38AC897}" srcOrd="0" destOrd="0" presId="urn:microsoft.com/office/officeart/2005/8/layout/radial1"/>
    <dgm:cxn modelId="{FB204E9A-D97C-4DB1-A8E6-396FB3CCCB82}" type="presOf" srcId="{EEB7DF95-B1E1-4355-BDED-67254F3A40BF}" destId="{0FA48441-B5ED-464B-AB5B-44DAB679EE64}" srcOrd="1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FE642A5F-EF17-42F2-A1CF-5ED5F599D6F0}" type="presOf" srcId="{DD81B84C-4525-4615-9233-87E402AFBABC}" destId="{9CD455AE-EC69-44E0-B929-B59BCD7E9894}" srcOrd="1" destOrd="0" presId="urn:microsoft.com/office/officeart/2005/8/layout/radial1"/>
    <dgm:cxn modelId="{AC3146BF-09F1-409C-B7B0-03C9080060BE}" type="presOf" srcId="{CC293B1C-4CF8-4FF0-BBC7-4942ED2D7F88}" destId="{05AAFE4B-4748-4F9C-AA5B-DEC71FC73E20}" srcOrd="0" destOrd="0" presId="urn:microsoft.com/office/officeart/2005/8/layout/radial1"/>
    <dgm:cxn modelId="{D3C455A3-9EA0-425A-A872-8DC80E4661BC}" type="presOf" srcId="{F26E0BCB-616E-4F5C-9212-B89461307743}" destId="{B26CA117-7877-4BBB-8697-7BAA6B4D1769}" srcOrd="1" destOrd="0" presId="urn:microsoft.com/office/officeart/2005/8/layout/radial1"/>
    <dgm:cxn modelId="{2F41581B-05FB-425C-A100-BE6F58F23B6A}" type="presOf" srcId="{9B35DA45-8824-4EE3-89F0-3F4E07F980E3}" destId="{51D4E2D9-6364-4FE7-BE7F-89898165258A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93A4C861-874F-4F51-8A98-8BA4BBB0FAE5}" type="presOf" srcId="{F26E0BCB-616E-4F5C-9212-B89461307743}" destId="{FB6E935B-AB56-4686-BAF4-89171D311D48}" srcOrd="0" destOrd="0" presId="urn:microsoft.com/office/officeart/2005/8/layout/radial1"/>
    <dgm:cxn modelId="{D1EDAD78-A7BF-4FB2-A40F-4DC43BB7F4F0}" type="presOf" srcId="{DD81B84C-4525-4615-9233-87E402AFBABC}" destId="{3134C74D-D45F-4D44-8DA9-5DD9ACC7028A}" srcOrd="0" destOrd="0" presId="urn:microsoft.com/office/officeart/2005/8/layout/radial1"/>
    <dgm:cxn modelId="{5649B418-D8B7-44E2-AFA2-999EF19505C6}" type="presOf" srcId="{0916D3E2-7950-4B1E-A80A-B1A0DFE4D7BE}" destId="{334F0DA9-4D69-40E7-AE37-8BB2E71C3ACD}" srcOrd="0" destOrd="0" presId="urn:microsoft.com/office/officeart/2005/8/layout/radial1"/>
    <dgm:cxn modelId="{838E655C-0FBD-4B57-A260-298F55A88790}" type="presParOf" srcId="{05AAFE4B-4748-4F9C-AA5B-DEC71FC73E20}" destId="{334F0DA9-4D69-40E7-AE37-8BB2E71C3ACD}" srcOrd="0" destOrd="0" presId="urn:microsoft.com/office/officeart/2005/8/layout/radial1"/>
    <dgm:cxn modelId="{07900AF0-1300-4194-B1DC-E267CD41DC0F}" type="presParOf" srcId="{05AAFE4B-4748-4F9C-AA5B-DEC71FC73E20}" destId="{FB6E935B-AB56-4686-BAF4-89171D311D48}" srcOrd="1" destOrd="0" presId="urn:microsoft.com/office/officeart/2005/8/layout/radial1"/>
    <dgm:cxn modelId="{7B3A9E12-7C8D-46A3-A997-3B39F83C924B}" type="presParOf" srcId="{FB6E935B-AB56-4686-BAF4-89171D311D48}" destId="{B26CA117-7877-4BBB-8697-7BAA6B4D1769}" srcOrd="0" destOrd="0" presId="urn:microsoft.com/office/officeart/2005/8/layout/radial1"/>
    <dgm:cxn modelId="{1EBBBDC4-0C3A-4F46-A7A3-CCD8307DE048}" type="presParOf" srcId="{05AAFE4B-4748-4F9C-AA5B-DEC71FC73E20}" destId="{51D4E2D9-6364-4FE7-BE7F-89898165258A}" srcOrd="2" destOrd="0" presId="urn:microsoft.com/office/officeart/2005/8/layout/radial1"/>
    <dgm:cxn modelId="{C005CF3E-1373-4452-B716-D38EA858B885}" type="presParOf" srcId="{05AAFE4B-4748-4F9C-AA5B-DEC71FC73E20}" destId="{3134C74D-D45F-4D44-8DA9-5DD9ACC7028A}" srcOrd="3" destOrd="0" presId="urn:microsoft.com/office/officeart/2005/8/layout/radial1"/>
    <dgm:cxn modelId="{83B2BB80-135B-4841-920C-CA576DC1A475}" type="presParOf" srcId="{3134C74D-D45F-4D44-8DA9-5DD9ACC7028A}" destId="{9CD455AE-EC69-44E0-B929-B59BCD7E9894}" srcOrd="0" destOrd="0" presId="urn:microsoft.com/office/officeart/2005/8/layout/radial1"/>
    <dgm:cxn modelId="{3B4CF93D-B136-4509-8916-FA3A2E6D1543}" type="presParOf" srcId="{05AAFE4B-4748-4F9C-AA5B-DEC71FC73E20}" destId="{FC75532D-1A75-4D81-A458-80C91B398F9D}" srcOrd="4" destOrd="0" presId="urn:microsoft.com/office/officeart/2005/8/layout/radial1"/>
    <dgm:cxn modelId="{30E7E442-9D0F-4D12-B175-80BF5E4B23BA}" type="presParOf" srcId="{05AAFE4B-4748-4F9C-AA5B-DEC71FC73E20}" destId="{156A4B50-5EBB-4BD2-8AF0-C722439DBC8D}" srcOrd="5" destOrd="0" presId="urn:microsoft.com/office/officeart/2005/8/layout/radial1"/>
    <dgm:cxn modelId="{90EC2B14-6264-4AE8-AB04-4C81893B22A7}" type="presParOf" srcId="{156A4B50-5EBB-4BD2-8AF0-C722439DBC8D}" destId="{0FA48441-B5ED-464B-AB5B-44DAB679EE64}" srcOrd="0" destOrd="0" presId="urn:microsoft.com/office/officeart/2005/8/layout/radial1"/>
    <dgm:cxn modelId="{07E72964-0373-4D78-AF3A-8B4EEF308EDB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0070C0"/>
        </a:solidFill>
      </dgm:spPr>
      <dgm:t>
        <a:bodyPr/>
        <a:lstStyle/>
        <a:p>
          <a:r>
            <a:rPr lang="fr-FR" dirty="0" smtClean="0"/>
            <a:t>O</a:t>
          </a:r>
          <a:endParaRPr lang="fr-FR" dirty="0"/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No </a:t>
          </a:r>
          <a:r>
            <a:rPr lang="fr-FR" dirty="0" err="1" smtClean="0"/>
            <a:t>competition</a:t>
          </a:r>
          <a:endParaRPr lang="fr-FR" dirty="0"/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smtClean="0"/>
            <a:t>High utility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DB15E516-F42A-4C94-9AED-F13746504F9E}" type="presOf" srcId="{0916D3E2-7950-4B1E-A80A-B1A0DFE4D7BE}" destId="{334F0DA9-4D69-40E7-AE37-8BB2E71C3AC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50745661-EB91-4725-8275-37B8237E19AC}" type="presOf" srcId="{EEB7DF95-B1E1-4355-BDED-67254F3A40BF}" destId="{0FA48441-B5ED-464B-AB5B-44DAB679EE64}" srcOrd="1" destOrd="0" presId="urn:microsoft.com/office/officeart/2005/8/layout/radial1"/>
    <dgm:cxn modelId="{9E70CB9D-F179-44F2-94C8-78C50A8D7F07}" type="presOf" srcId="{9B35DA45-8824-4EE3-89F0-3F4E07F980E3}" destId="{51D4E2D9-6364-4FE7-BE7F-89898165258A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B4DD1CEC-B9B7-452E-A70F-17C8EB3D45E7}" type="presOf" srcId="{EEB7DF95-B1E1-4355-BDED-67254F3A40BF}" destId="{156A4B50-5EBB-4BD2-8AF0-C722439DBC8D}" srcOrd="0" destOrd="0" presId="urn:microsoft.com/office/officeart/2005/8/layout/radial1"/>
    <dgm:cxn modelId="{98B52D4E-2366-439A-8368-29F3492BFF93}" type="presOf" srcId="{B8F4B4B5-48BB-4436-A4C8-0772D59377AC}" destId="{B8775ABA-3037-409F-B1F5-5479D38AC897}" srcOrd="0" destOrd="0" presId="urn:microsoft.com/office/officeart/2005/8/layout/radial1"/>
    <dgm:cxn modelId="{0282A96A-18A1-4993-939E-81A7EA21E1A7}" type="presOf" srcId="{DD81B84C-4525-4615-9233-87E402AFBABC}" destId="{3134C74D-D45F-4D44-8DA9-5DD9ACC7028A}" srcOrd="0" destOrd="0" presId="urn:microsoft.com/office/officeart/2005/8/layout/radial1"/>
    <dgm:cxn modelId="{C410C9C9-5CFB-4AAB-B128-E5BF16260967}" type="presOf" srcId="{7F397B27-ED42-4C0B-84EB-F42483A443DB}" destId="{FC75532D-1A75-4D81-A458-80C91B398F9D}" srcOrd="0" destOrd="0" presId="urn:microsoft.com/office/officeart/2005/8/layout/radial1"/>
    <dgm:cxn modelId="{C584A466-C23E-4C81-8632-9AF0FBB82D54}" type="presOf" srcId="{CC293B1C-4CF8-4FF0-BBC7-4942ED2D7F88}" destId="{05AAFE4B-4748-4F9C-AA5B-DEC71FC73E20}" srcOrd="0" destOrd="0" presId="urn:microsoft.com/office/officeart/2005/8/layout/radial1"/>
    <dgm:cxn modelId="{1EE62FD5-27AB-4F44-B819-A4FE5C07BF66}" type="presOf" srcId="{F26E0BCB-616E-4F5C-9212-B89461307743}" destId="{FB6E935B-AB56-4686-BAF4-89171D311D48}" srcOrd="0" destOrd="0" presId="urn:microsoft.com/office/officeart/2005/8/layout/radial1"/>
    <dgm:cxn modelId="{04B2CCBB-2F3E-4D49-999C-541CBB7E566F}" type="presOf" srcId="{DD81B84C-4525-4615-9233-87E402AFBABC}" destId="{9CD455AE-EC69-44E0-B929-B59BCD7E9894}" srcOrd="1" destOrd="0" presId="urn:microsoft.com/office/officeart/2005/8/layout/radial1"/>
    <dgm:cxn modelId="{01547B4F-7DF4-4612-B269-9AD0912CC5B3}" type="presOf" srcId="{F26E0BCB-616E-4F5C-9212-B89461307743}" destId="{B26CA117-7877-4BBB-8697-7BAA6B4D1769}" srcOrd="1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9D5BFAF3-A99D-4886-A5C2-5F4E9F019256}" type="presParOf" srcId="{05AAFE4B-4748-4F9C-AA5B-DEC71FC73E20}" destId="{334F0DA9-4D69-40E7-AE37-8BB2E71C3ACD}" srcOrd="0" destOrd="0" presId="urn:microsoft.com/office/officeart/2005/8/layout/radial1"/>
    <dgm:cxn modelId="{C7B450B9-4615-46A1-8939-68C5D5F2DA90}" type="presParOf" srcId="{05AAFE4B-4748-4F9C-AA5B-DEC71FC73E20}" destId="{FB6E935B-AB56-4686-BAF4-89171D311D48}" srcOrd="1" destOrd="0" presId="urn:microsoft.com/office/officeart/2005/8/layout/radial1"/>
    <dgm:cxn modelId="{7CA8D4D8-D836-4402-9E56-538FA5F97C60}" type="presParOf" srcId="{FB6E935B-AB56-4686-BAF4-89171D311D48}" destId="{B26CA117-7877-4BBB-8697-7BAA6B4D1769}" srcOrd="0" destOrd="0" presId="urn:microsoft.com/office/officeart/2005/8/layout/radial1"/>
    <dgm:cxn modelId="{9C10E80F-122C-4B54-9AAF-345EC2E0F945}" type="presParOf" srcId="{05AAFE4B-4748-4F9C-AA5B-DEC71FC73E20}" destId="{51D4E2D9-6364-4FE7-BE7F-89898165258A}" srcOrd="2" destOrd="0" presId="urn:microsoft.com/office/officeart/2005/8/layout/radial1"/>
    <dgm:cxn modelId="{CB403FEA-962A-4D6D-8EC6-CEB0D242EAE4}" type="presParOf" srcId="{05AAFE4B-4748-4F9C-AA5B-DEC71FC73E20}" destId="{3134C74D-D45F-4D44-8DA9-5DD9ACC7028A}" srcOrd="3" destOrd="0" presId="urn:microsoft.com/office/officeart/2005/8/layout/radial1"/>
    <dgm:cxn modelId="{BC0C19C8-F26F-408E-A7FA-A0BAF47E00C8}" type="presParOf" srcId="{3134C74D-D45F-4D44-8DA9-5DD9ACC7028A}" destId="{9CD455AE-EC69-44E0-B929-B59BCD7E9894}" srcOrd="0" destOrd="0" presId="urn:microsoft.com/office/officeart/2005/8/layout/radial1"/>
    <dgm:cxn modelId="{471CF14E-6CFC-4A05-86A3-D77181601DDD}" type="presParOf" srcId="{05AAFE4B-4748-4F9C-AA5B-DEC71FC73E20}" destId="{FC75532D-1A75-4D81-A458-80C91B398F9D}" srcOrd="4" destOrd="0" presId="urn:microsoft.com/office/officeart/2005/8/layout/radial1"/>
    <dgm:cxn modelId="{6D7D15AB-445B-4069-9854-5B0C60721128}" type="presParOf" srcId="{05AAFE4B-4748-4F9C-AA5B-DEC71FC73E20}" destId="{156A4B50-5EBB-4BD2-8AF0-C722439DBC8D}" srcOrd="5" destOrd="0" presId="urn:microsoft.com/office/officeart/2005/8/layout/radial1"/>
    <dgm:cxn modelId="{3D55ABD8-EF54-43D9-B487-EC33D8C10E14}" type="presParOf" srcId="{156A4B50-5EBB-4BD2-8AF0-C722439DBC8D}" destId="{0FA48441-B5ED-464B-AB5B-44DAB679EE64}" srcOrd="0" destOrd="0" presId="urn:microsoft.com/office/officeart/2005/8/layout/radial1"/>
    <dgm:cxn modelId="{A5F5A5FB-678C-4682-AFF1-F9BE564FC9B7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20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B99CEEEE-DEDD-48D3-B19D-5F7501FE6727}" type="presOf" srcId="{BA786E09-868C-446C-BCAD-1B9A337A2314}" destId="{31F77346-6636-44FE-8237-42E5F75F0855}" srcOrd="1" destOrd="0" presId="urn:microsoft.com/office/officeart/2005/8/layout/hList7"/>
    <dgm:cxn modelId="{2BF835B8-949D-49B7-867B-7865BFFAFC40}" type="presOf" srcId="{81607F9D-ACA8-4EBC-97F3-AE620D537126}" destId="{AECDF339-533B-4319-9DD1-FE0312AA5FE7}" srcOrd="0" destOrd="0" presId="urn:microsoft.com/office/officeart/2005/8/layout/hList7"/>
    <dgm:cxn modelId="{8E11DAFE-A12F-4255-A923-717A27CEA661}" type="presOf" srcId="{5EE301F9-AA62-4FDD-BBD4-EB5F68D85FEC}" destId="{6B2B5E85-AAEA-413B-89EF-96FC0B61D0DB}" srcOrd="1" destOrd="0" presId="urn:microsoft.com/office/officeart/2005/8/layout/hList7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071A92E1-79D7-49E2-8F2B-E48D666D5D4C}" type="presOf" srcId="{81607F9D-ACA8-4EBC-97F3-AE620D537126}" destId="{FCBD48AD-6356-4016-B622-1476036943D2}" srcOrd="1" destOrd="0" presId="urn:microsoft.com/office/officeart/2005/8/layout/hList7"/>
    <dgm:cxn modelId="{27233627-9D0A-4338-8F73-F218246B87B2}" type="presOf" srcId="{95C89F30-E4C0-41F0-9F78-CFBA2BC6B6E7}" destId="{68497B09-3716-4EBD-AC6B-8AE2BDCC8972}" srcOrd="0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635D1813-ED9C-4050-9146-E2AE7665EFB6}" type="presOf" srcId="{47253CFC-4569-4709-81D3-DEEB42841B34}" destId="{65C1CC62-47DD-4AE0-BB4E-E1AA4210EAD1}" srcOrd="1" destOrd="0" presId="urn:microsoft.com/office/officeart/2005/8/layout/hList7"/>
    <dgm:cxn modelId="{030AF9D1-8327-4346-BE29-0A65EEDAE4CD}" type="presOf" srcId="{94CA40FB-60B0-465C-89DE-37B57251E362}" destId="{6A4D6A8E-A18C-499A-84BC-74FED5388C93}" srcOrd="0" destOrd="0" presId="urn:microsoft.com/office/officeart/2005/8/layout/hList7"/>
    <dgm:cxn modelId="{1B8D7EA4-9447-476C-9EEA-7DEDAC84D044}" type="presOf" srcId="{5EE301F9-AA62-4FDD-BBD4-EB5F68D85FEC}" destId="{90FFEDE6-D24B-46AA-AC61-5A2CA3E513CC}" srcOrd="0" destOrd="0" presId="urn:microsoft.com/office/officeart/2005/8/layout/hList7"/>
    <dgm:cxn modelId="{65F30421-397A-4BC0-B49B-6868293A16F5}" type="presOf" srcId="{BA786E09-868C-446C-BCAD-1B9A337A2314}" destId="{9B6DBF9B-EFA6-45E8-AAE9-1FBCC2922B5E}" srcOrd="0" destOrd="0" presId="urn:microsoft.com/office/officeart/2005/8/layout/hList7"/>
    <dgm:cxn modelId="{F2642CDE-7779-4F28-B681-2A53F90E41A2}" type="presOf" srcId="{2F25E3F7-E9EB-4C08-9116-69D5C4FD6E2A}" destId="{2845AC54-25A9-480C-BA9C-51BB56258253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E0D6D583-1BC7-48F4-930E-EE5B40002EDD}" type="presOf" srcId="{47253CFC-4569-4709-81D3-DEEB42841B34}" destId="{18E220CA-4E07-4273-9F20-D66E44D1CC15}" srcOrd="0" destOrd="0" presId="urn:microsoft.com/office/officeart/2005/8/layout/hList7"/>
    <dgm:cxn modelId="{150DBCA5-511C-4C1C-BB5B-1B5416A3E9BE}" type="presOf" srcId="{7A2D0BBB-4796-4683-A258-869CCE2EFDEE}" destId="{46B8E31D-92A9-4F7C-AC64-291B22E56C19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D3A2E9D8-A408-462B-BB47-E56CDC2A5F37}" type="presParOf" srcId="{68497B09-3716-4EBD-AC6B-8AE2BDCC8972}" destId="{5C007895-D27B-4555-8633-C9BBD58A106D}" srcOrd="0" destOrd="0" presId="urn:microsoft.com/office/officeart/2005/8/layout/hList7"/>
    <dgm:cxn modelId="{AA924A70-7D4E-4D4A-9273-8ECC5376E0BD}" type="presParOf" srcId="{68497B09-3716-4EBD-AC6B-8AE2BDCC8972}" destId="{851E5CC9-679F-4CF6-B00F-A025B4DEF2B3}" srcOrd="1" destOrd="0" presId="urn:microsoft.com/office/officeart/2005/8/layout/hList7"/>
    <dgm:cxn modelId="{D40F062E-7B5D-4145-AE62-906133381E41}" type="presParOf" srcId="{851E5CC9-679F-4CF6-B00F-A025B4DEF2B3}" destId="{02F5FF00-4C9F-4B29-8EE7-22E5EFD6E9BE}" srcOrd="0" destOrd="0" presId="urn:microsoft.com/office/officeart/2005/8/layout/hList7"/>
    <dgm:cxn modelId="{28361826-B3EC-4424-BA07-88DCFC35EEC4}" type="presParOf" srcId="{02F5FF00-4C9F-4B29-8EE7-22E5EFD6E9BE}" destId="{90FFEDE6-D24B-46AA-AC61-5A2CA3E513CC}" srcOrd="0" destOrd="0" presId="urn:microsoft.com/office/officeart/2005/8/layout/hList7"/>
    <dgm:cxn modelId="{8458C12B-6F57-4FC9-AE7A-FDF8C62DBEAF}" type="presParOf" srcId="{02F5FF00-4C9F-4B29-8EE7-22E5EFD6E9BE}" destId="{6B2B5E85-AAEA-413B-89EF-96FC0B61D0DB}" srcOrd="1" destOrd="0" presId="urn:microsoft.com/office/officeart/2005/8/layout/hList7"/>
    <dgm:cxn modelId="{46955F0C-5150-46CA-B36E-12AFAA57BE73}" type="presParOf" srcId="{02F5FF00-4C9F-4B29-8EE7-22E5EFD6E9BE}" destId="{1A17D808-B82E-464B-B310-203813114F77}" srcOrd="2" destOrd="0" presId="urn:microsoft.com/office/officeart/2005/8/layout/hList7"/>
    <dgm:cxn modelId="{2746B624-8A0D-40E9-921E-AF56475225F0}" type="presParOf" srcId="{02F5FF00-4C9F-4B29-8EE7-22E5EFD6E9BE}" destId="{BC5035FA-FF8E-421C-9C1A-CC3F16C8A221}" srcOrd="3" destOrd="0" presId="urn:microsoft.com/office/officeart/2005/8/layout/hList7"/>
    <dgm:cxn modelId="{2C39CE97-B1C8-4C82-B29A-6FC785391875}" type="presParOf" srcId="{851E5CC9-679F-4CF6-B00F-A025B4DEF2B3}" destId="{46B8E31D-92A9-4F7C-AC64-291B22E56C19}" srcOrd="1" destOrd="0" presId="urn:microsoft.com/office/officeart/2005/8/layout/hList7"/>
    <dgm:cxn modelId="{A49662BD-1730-4EB5-8FC3-7DFE12AE97F1}" type="presParOf" srcId="{851E5CC9-679F-4CF6-B00F-A025B4DEF2B3}" destId="{F6BAADEA-493B-4EE4-AE53-A0D19801A5FF}" srcOrd="2" destOrd="0" presId="urn:microsoft.com/office/officeart/2005/8/layout/hList7"/>
    <dgm:cxn modelId="{254C6C0F-B513-4EAE-BCEE-5DD0F55FBFDA}" type="presParOf" srcId="{F6BAADEA-493B-4EE4-AE53-A0D19801A5FF}" destId="{AECDF339-533B-4319-9DD1-FE0312AA5FE7}" srcOrd="0" destOrd="0" presId="urn:microsoft.com/office/officeart/2005/8/layout/hList7"/>
    <dgm:cxn modelId="{66C1C81D-A0B0-4153-B546-22F29B7EA75D}" type="presParOf" srcId="{F6BAADEA-493B-4EE4-AE53-A0D19801A5FF}" destId="{FCBD48AD-6356-4016-B622-1476036943D2}" srcOrd="1" destOrd="0" presId="urn:microsoft.com/office/officeart/2005/8/layout/hList7"/>
    <dgm:cxn modelId="{EC15F1CE-D53B-4E0E-BB01-9A75A3196BC2}" type="presParOf" srcId="{F6BAADEA-493B-4EE4-AE53-A0D19801A5FF}" destId="{55F313B5-1C13-438A-8D2E-76E44D379C51}" srcOrd="2" destOrd="0" presId="urn:microsoft.com/office/officeart/2005/8/layout/hList7"/>
    <dgm:cxn modelId="{08D7167B-40B4-4852-B0C5-2563F9E08537}" type="presParOf" srcId="{F6BAADEA-493B-4EE4-AE53-A0D19801A5FF}" destId="{78D9365F-3E8A-4A62-874D-E842D8E395C6}" srcOrd="3" destOrd="0" presId="urn:microsoft.com/office/officeart/2005/8/layout/hList7"/>
    <dgm:cxn modelId="{40A4CFA0-D0CE-4EE3-A57E-5E0D576A9086}" type="presParOf" srcId="{851E5CC9-679F-4CF6-B00F-A025B4DEF2B3}" destId="{6A4D6A8E-A18C-499A-84BC-74FED5388C93}" srcOrd="3" destOrd="0" presId="urn:microsoft.com/office/officeart/2005/8/layout/hList7"/>
    <dgm:cxn modelId="{BB90A66B-2701-4F9D-A750-EF6680B81748}" type="presParOf" srcId="{851E5CC9-679F-4CF6-B00F-A025B4DEF2B3}" destId="{2FB6D45F-392C-4BF4-A210-495F746B00A0}" srcOrd="4" destOrd="0" presId="urn:microsoft.com/office/officeart/2005/8/layout/hList7"/>
    <dgm:cxn modelId="{FBADA11D-DDAC-4270-9391-9D726B93E881}" type="presParOf" srcId="{2FB6D45F-392C-4BF4-A210-495F746B00A0}" destId="{18E220CA-4E07-4273-9F20-D66E44D1CC15}" srcOrd="0" destOrd="0" presId="urn:microsoft.com/office/officeart/2005/8/layout/hList7"/>
    <dgm:cxn modelId="{D5229153-280E-46D3-8F68-438EC498347F}" type="presParOf" srcId="{2FB6D45F-392C-4BF4-A210-495F746B00A0}" destId="{65C1CC62-47DD-4AE0-BB4E-E1AA4210EAD1}" srcOrd="1" destOrd="0" presId="urn:microsoft.com/office/officeart/2005/8/layout/hList7"/>
    <dgm:cxn modelId="{65B1E80C-9CEB-45FD-81DB-9E25A0EC36DC}" type="presParOf" srcId="{2FB6D45F-392C-4BF4-A210-495F746B00A0}" destId="{4B410C47-050F-4A04-B28A-4915525EEFC9}" srcOrd="2" destOrd="0" presId="urn:microsoft.com/office/officeart/2005/8/layout/hList7"/>
    <dgm:cxn modelId="{5931AF2A-701C-4B78-9021-7D955B79B573}" type="presParOf" srcId="{2FB6D45F-392C-4BF4-A210-495F746B00A0}" destId="{EF6C3C73-EE47-41C6-84F9-732FE297AA13}" srcOrd="3" destOrd="0" presId="urn:microsoft.com/office/officeart/2005/8/layout/hList7"/>
    <dgm:cxn modelId="{0BDABE97-489C-4D18-8E55-2E5A78204754}" type="presParOf" srcId="{851E5CC9-679F-4CF6-B00F-A025B4DEF2B3}" destId="{2845AC54-25A9-480C-BA9C-51BB56258253}" srcOrd="5" destOrd="0" presId="urn:microsoft.com/office/officeart/2005/8/layout/hList7"/>
    <dgm:cxn modelId="{BB9B3051-261E-4EEC-9F6B-DE94C5AD8D6C}" type="presParOf" srcId="{851E5CC9-679F-4CF6-B00F-A025B4DEF2B3}" destId="{D1EC1FEF-15C3-4F9A-9D53-270133EEC1D0}" srcOrd="6" destOrd="0" presId="urn:microsoft.com/office/officeart/2005/8/layout/hList7"/>
    <dgm:cxn modelId="{FB64BFDE-6354-41A3-A0A7-3B97BEFB1A42}" type="presParOf" srcId="{D1EC1FEF-15C3-4F9A-9D53-270133EEC1D0}" destId="{9B6DBF9B-EFA6-45E8-AAE9-1FBCC2922B5E}" srcOrd="0" destOrd="0" presId="urn:microsoft.com/office/officeart/2005/8/layout/hList7"/>
    <dgm:cxn modelId="{64FB9486-53A8-41D2-9F77-75C86D71A54B}" type="presParOf" srcId="{D1EC1FEF-15C3-4F9A-9D53-270133EEC1D0}" destId="{31F77346-6636-44FE-8237-42E5F75F0855}" srcOrd="1" destOrd="0" presId="urn:microsoft.com/office/officeart/2005/8/layout/hList7"/>
    <dgm:cxn modelId="{E8BE040B-88DB-43DF-95A1-393744CC8B19}" type="presParOf" srcId="{D1EC1FEF-15C3-4F9A-9D53-270133EEC1D0}" destId="{4E622C03-85B3-4DA6-8471-5CC42DD79CA7}" srcOrd="2" destOrd="0" presId="urn:microsoft.com/office/officeart/2005/8/layout/hList7"/>
    <dgm:cxn modelId="{93A800CF-1AAE-4F89-8E78-A3451061A16B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4124889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/>
            <a:t>Risk</a:t>
          </a:r>
          <a:r>
            <a:rPr lang="fr-FR" sz="1100" kern="1200" dirty="0"/>
            <a:t> of high </a:t>
          </a:r>
          <a:r>
            <a:rPr lang="fr-FR" sz="1100" kern="1200" dirty="0" err="1"/>
            <a:t>demand</a:t>
          </a:r>
          <a:r>
            <a:rPr lang="fr-FR" sz="1100" kern="1200" dirty="0"/>
            <a:t> (server)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Portability</a:t>
          </a:r>
          <a:r>
            <a:rPr lang="fr-FR" sz="1100" kern="1200" dirty="0" smtClean="0"/>
            <a:t> to Mac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Lack</a:t>
          </a:r>
          <a:r>
            <a:rPr lang="fr-FR" sz="1100" kern="1200" dirty="0" smtClean="0"/>
            <a:t> of control on </a:t>
          </a:r>
          <a:r>
            <a:rPr lang="fr-FR" sz="1100" kern="1200" dirty="0" err="1" smtClean="0"/>
            <a:t>database</a:t>
          </a:r>
          <a:endParaRPr lang="fr-FR" sz="1100" kern="1200" dirty="0"/>
        </a:p>
      </dsp:txBody>
      <dsp:txXfrm>
        <a:off x="4803713" y="3354248"/>
        <a:ext cx="1450716" cy="988049"/>
      </dsp:txXfrm>
    </dsp:sp>
    <dsp:sp modelId="{431C4C2F-7F42-4D62-8EEF-918E7AD22EA0}">
      <dsp:nvSpPr>
        <dsp:cNvPr id="0" name=""/>
        <dsp:cNvSpPr/>
      </dsp:nvSpPr>
      <dsp:spPr>
        <a:xfrm>
          <a:off x="562523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No </a:t>
          </a:r>
          <a:r>
            <a:rPr lang="fr-FR" sz="1100" kern="1200" dirty="0" err="1"/>
            <a:t>competition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High utility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asy</a:t>
          </a:r>
          <a:r>
            <a:rPr lang="fr-FR" sz="1100" kern="1200" dirty="0" smtClean="0"/>
            <a:t> to use</a:t>
          </a:r>
          <a:endParaRPr lang="fr-FR" sz="1100" kern="1200" dirty="0"/>
        </a:p>
      </dsp:txBody>
      <dsp:txXfrm>
        <a:off x="593263" y="3354248"/>
        <a:ext cx="1450716" cy="988049"/>
      </dsp:txXfrm>
    </dsp:sp>
    <dsp:sp modelId="{05478942-E273-4856-8553-F0FD8F015AA2}">
      <dsp:nvSpPr>
        <dsp:cNvPr id="0" name=""/>
        <dsp:cNvSpPr/>
      </dsp:nvSpPr>
      <dsp:spPr>
        <a:xfrm>
          <a:off x="4124889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Short deadlin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merging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scientific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field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smtClean="0"/>
            <a:t>Client </a:t>
          </a:r>
          <a:r>
            <a:rPr lang="fr-FR" sz="1100" kern="1200" dirty="0" err="1" smtClean="0"/>
            <a:t>infrequently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available</a:t>
          </a:r>
          <a:endParaRPr lang="fr-FR" sz="1100" kern="1200" dirty="0"/>
        </a:p>
      </dsp:txBody>
      <dsp:txXfrm>
        <a:off x="4803713" y="30740"/>
        <a:ext cx="1450716" cy="988049"/>
      </dsp:txXfrm>
    </dsp:sp>
    <dsp:sp modelId="{BC6F0824-1351-49BA-BADB-F02B71A91728}">
      <dsp:nvSpPr>
        <dsp:cNvPr id="0" name=""/>
        <dsp:cNvSpPr/>
      </dsp:nvSpPr>
      <dsp:spPr>
        <a:xfrm>
          <a:off x="562523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Diverse </a:t>
          </a:r>
          <a:r>
            <a:rPr lang="fr-FR" sz="1100" kern="1200" dirty="0" err="1"/>
            <a:t>skill</a:t>
          </a:r>
          <a:r>
            <a:rPr lang="fr-FR" sz="1100" kern="1200" dirty="0"/>
            <a:t> set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Access to expert </a:t>
          </a:r>
          <a:r>
            <a:rPr lang="fr-FR" sz="1100" kern="1200" dirty="0" err="1"/>
            <a:t>advise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Open source </a:t>
          </a:r>
          <a:r>
            <a:rPr lang="fr-FR" sz="1100" kern="1200" dirty="0" smtClean="0"/>
            <a:t>packages (no budget </a:t>
          </a:r>
          <a:r>
            <a:rPr lang="fr-FR" sz="1100" kern="1200" dirty="0" err="1" smtClean="0"/>
            <a:t>needed</a:t>
          </a:r>
          <a:r>
            <a:rPr lang="fr-FR" sz="1100" kern="1200" dirty="0" smtClean="0"/>
            <a:t>)</a:t>
          </a:r>
          <a:endParaRPr lang="fr-FR" sz="1100" kern="1200" dirty="0"/>
        </a:p>
      </dsp:txBody>
      <dsp:txXfrm>
        <a:off x="593263" y="30740"/>
        <a:ext cx="1450716" cy="988049"/>
      </dsp:txXfrm>
    </dsp:sp>
    <dsp:sp modelId="{E72BDFA6-376E-4614-9D7C-A68241E884D9}">
      <dsp:nvSpPr>
        <dsp:cNvPr id="0" name=""/>
        <dsp:cNvSpPr/>
      </dsp:nvSpPr>
      <dsp:spPr>
        <a:xfrm>
          <a:off x="1467742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S</a:t>
          </a:r>
        </a:p>
      </dsp:txBody>
      <dsp:txXfrm>
        <a:off x="2022343" y="803864"/>
        <a:ext cx="1338924" cy="1338924"/>
      </dsp:txXfrm>
    </dsp:sp>
    <dsp:sp modelId="{A67A60E5-5291-49E4-B3E5-53A58B528285}">
      <dsp:nvSpPr>
        <dsp:cNvPr id="0" name=""/>
        <dsp:cNvSpPr/>
      </dsp:nvSpPr>
      <dsp:spPr>
        <a:xfrm rot="5400000">
          <a:off x="3448728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W</a:t>
          </a:r>
        </a:p>
      </dsp:txBody>
      <dsp:txXfrm rot="-5400000">
        <a:off x="3448728" y="803864"/>
        <a:ext cx="1338924" cy="1338924"/>
      </dsp:txXfrm>
    </dsp:sp>
    <dsp:sp modelId="{CF4FC7F6-A89C-4633-A10E-BFE92B369DCD}">
      <dsp:nvSpPr>
        <dsp:cNvPr id="0" name=""/>
        <dsp:cNvSpPr/>
      </dsp:nvSpPr>
      <dsp:spPr>
        <a:xfrm rot="10800000">
          <a:off x="3448728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T</a:t>
          </a:r>
        </a:p>
      </dsp:txBody>
      <dsp:txXfrm rot="10800000">
        <a:off x="3448728" y="2230249"/>
        <a:ext cx="1338924" cy="1338924"/>
      </dsp:txXfrm>
    </dsp:sp>
    <dsp:sp modelId="{C0852406-3DC0-4222-A1F8-184593FC4596}">
      <dsp:nvSpPr>
        <dsp:cNvPr id="0" name=""/>
        <dsp:cNvSpPr/>
      </dsp:nvSpPr>
      <dsp:spPr>
        <a:xfrm rot="16200000">
          <a:off x="1467742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O</a:t>
          </a:r>
        </a:p>
      </dsp:txBody>
      <dsp:txXfrm rot="5400000">
        <a:off x="2022343" y="2230249"/>
        <a:ext cx="1338924" cy="1338924"/>
      </dsp:txXfrm>
    </dsp:sp>
    <dsp:sp modelId="{3B6382B4-DDDF-482E-9E6A-38E6F7DB930C}">
      <dsp:nvSpPr>
        <dsp:cNvPr id="0" name=""/>
        <dsp:cNvSpPr/>
      </dsp:nvSpPr>
      <dsp:spPr>
        <a:xfrm>
          <a:off x="5778076" y="1808005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5778076" y="1891116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FFC00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/>
            <a:t>T</a:t>
          </a:r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/>
            <a:t>Risk</a:t>
          </a:r>
          <a:r>
            <a:rPr lang="fr-FR" sz="1700" kern="1200" dirty="0"/>
            <a:t> of high </a:t>
          </a:r>
          <a:r>
            <a:rPr lang="fr-FR" sz="1700" kern="1200" dirty="0" err="1"/>
            <a:t>demand</a:t>
          </a:r>
          <a:r>
            <a:rPr lang="fr-FR" sz="1700" kern="1200" dirty="0"/>
            <a:t> (server)</a:t>
          </a:r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Portability</a:t>
          </a:r>
          <a:r>
            <a:rPr lang="fr-FR" sz="1700" kern="1200" dirty="0" smtClean="0"/>
            <a:t> to Mac</a:t>
          </a:r>
          <a:endParaRPr lang="fr-FR" sz="17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Lack</a:t>
          </a:r>
          <a:r>
            <a:rPr lang="fr-FR" sz="1700" kern="1200" dirty="0" smtClean="0"/>
            <a:t> of control on </a:t>
          </a:r>
          <a:r>
            <a:rPr lang="fr-FR" sz="1700" kern="1200" dirty="0" err="1" smtClean="0"/>
            <a:t>database</a:t>
          </a:r>
          <a:endParaRPr lang="fr-FR" sz="1700" kern="1200" dirty="0"/>
        </a:p>
      </dsp:txBody>
      <dsp:txXfrm>
        <a:off x="781645" y="2967550"/>
        <a:ext cx="993843" cy="99384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0070C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 smtClean="0"/>
            <a:t>O</a:t>
          </a:r>
          <a:endParaRPr lang="fr-FR" sz="6500" kern="1200" dirty="0"/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smtClean="0"/>
            <a:t>No </a:t>
          </a:r>
          <a:r>
            <a:rPr lang="fr-FR" sz="1500" kern="1200" dirty="0" err="1" smtClean="0"/>
            <a:t>competition</a:t>
          </a:r>
          <a:endParaRPr lang="fr-FR" sz="1500" kern="1200" dirty="0"/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smtClean="0"/>
            <a:t>High utility</a:t>
          </a:r>
          <a:endParaRPr lang="fr-FR" sz="15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" tIns="9525" rIns="9525" bIns="9525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500" kern="1200" dirty="0" err="1" smtClean="0"/>
            <a:t>Easy</a:t>
          </a:r>
          <a:r>
            <a:rPr lang="fr-FR" sz="1500" kern="1200" dirty="0" smtClean="0"/>
            <a:t> to use</a:t>
          </a:r>
          <a:endParaRPr lang="fr-FR" sz="1500" kern="1200" dirty="0"/>
        </a:p>
      </dsp:txBody>
      <dsp:txXfrm>
        <a:off x="781645" y="2967550"/>
        <a:ext cx="993843" cy="993843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0FFEDE6-D24B-46AA-AC61-5A2CA3E513CC}">
      <dsp:nvSpPr>
        <dsp:cNvPr id="0" name=""/>
        <dsp:cNvSpPr/>
      </dsp:nvSpPr>
      <dsp:spPr>
        <a:xfrm>
          <a:off x="194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1949" y="1945475"/>
        <a:ext cx="2043917" cy="1945475"/>
      </dsp:txXfrm>
    </dsp:sp>
    <dsp:sp modelId="{BC5035FA-FF8E-421C-9C1A-CC3F16C8A221}">
      <dsp:nvSpPr>
        <dsp:cNvPr id="0" name=""/>
        <dsp:cNvSpPr/>
      </dsp:nvSpPr>
      <dsp:spPr>
        <a:xfrm>
          <a:off x="21410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AECDF339-533B-4319-9DD1-FE0312AA5FE7}">
      <dsp:nvSpPr>
        <dsp:cNvPr id="0" name=""/>
        <dsp:cNvSpPr/>
      </dsp:nvSpPr>
      <dsp:spPr>
        <a:xfrm>
          <a:off x="210718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2107184" y="1945475"/>
        <a:ext cx="2043917" cy="1945475"/>
      </dsp:txXfrm>
    </dsp:sp>
    <dsp:sp modelId="{78D9365F-3E8A-4A62-874D-E842D8E395C6}">
      <dsp:nvSpPr>
        <dsp:cNvPr id="0" name=""/>
        <dsp:cNvSpPr/>
      </dsp:nvSpPr>
      <dsp:spPr>
        <a:xfrm>
          <a:off x="231933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8E220CA-4E07-4273-9F20-D66E44D1CC15}">
      <dsp:nvSpPr>
        <dsp:cNvPr id="0" name=""/>
        <dsp:cNvSpPr/>
      </dsp:nvSpPr>
      <dsp:spPr>
        <a:xfrm>
          <a:off x="421241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4212419" y="1945475"/>
        <a:ext cx="2043917" cy="1945475"/>
      </dsp:txXfrm>
    </dsp:sp>
    <dsp:sp modelId="{EF6C3C73-EE47-41C6-84F9-732FE297AA13}">
      <dsp:nvSpPr>
        <dsp:cNvPr id="0" name=""/>
        <dsp:cNvSpPr/>
      </dsp:nvSpPr>
      <dsp:spPr>
        <a:xfrm>
          <a:off x="442457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9B6DBF9B-EFA6-45E8-AAE9-1FBCC2922B5E}">
      <dsp:nvSpPr>
        <dsp:cNvPr id="0" name=""/>
        <dsp:cNvSpPr/>
      </dsp:nvSpPr>
      <dsp:spPr>
        <a:xfrm>
          <a:off x="631765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6317654" y="1945475"/>
        <a:ext cx="2043917" cy="1945475"/>
      </dsp:txXfrm>
    </dsp:sp>
    <dsp:sp modelId="{E493E5FB-AA9A-42DE-9CCE-474EDF63F26C}">
      <dsp:nvSpPr>
        <dsp:cNvPr id="0" name=""/>
        <dsp:cNvSpPr/>
      </dsp:nvSpPr>
      <dsp:spPr>
        <a:xfrm>
          <a:off x="652980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5C007895-D27B-4555-8633-C9BBD58A106D}">
      <dsp:nvSpPr>
        <dsp:cNvPr id="0" name=""/>
        <dsp:cNvSpPr/>
      </dsp:nvSpPr>
      <dsp:spPr>
        <a:xfrm flipH="1">
          <a:off x="4508466" y="3876524"/>
          <a:ext cx="1553507" cy="525387"/>
        </a:xfrm>
        <a:prstGeom prst="leftRightArrow">
          <a:avLst/>
        </a:prstGeom>
        <a:noFill/>
        <a:ln w="19050" cap="flat" cmpd="sng" algn="ctr">
          <a:noFill/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2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2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39784253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7" Type="http://schemas.openxmlformats.org/officeDocument/2006/relationships/image" Target="../media/image39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8.png"/><Relationship Id="rId5" Type="http://schemas.openxmlformats.org/officeDocument/2006/relationships/image" Target="../media/image37.png"/><Relationship Id="rId4" Type="http://schemas.openxmlformats.org/officeDocument/2006/relationships/image" Target="../media/image3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0.png"/><Relationship Id="rId18" Type="http://schemas.openxmlformats.org/officeDocument/2006/relationships/diagramQuickStyle" Target="../diagrams/quickStyle3.xml"/><Relationship Id="rId3" Type="http://schemas.openxmlformats.org/officeDocument/2006/relationships/diagramLayout" Target="../diagrams/layout1.xml"/><Relationship Id="rId21" Type="http://schemas.openxmlformats.org/officeDocument/2006/relationships/image" Target="../media/image13.png"/><Relationship Id="rId7" Type="http://schemas.openxmlformats.org/officeDocument/2006/relationships/image" Target="../media/image9.png"/><Relationship Id="rId12" Type="http://schemas.microsoft.com/office/2007/relationships/diagramDrawing" Target="../diagrams/drawing2.xml"/><Relationship Id="rId17" Type="http://schemas.openxmlformats.org/officeDocument/2006/relationships/diagramLayout" Target="../diagrams/layout3.xml"/><Relationship Id="rId2" Type="http://schemas.openxmlformats.org/officeDocument/2006/relationships/diagramData" Target="../diagrams/data1.xml"/><Relationship Id="rId16" Type="http://schemas.openxmlformats.org/officeDocument/2006/relationships/diagramData" Target="../diagrams/data3.xml"/><Relationship Id="rId20" Type="http://schemas.microsoft.com/office/2007/relationships/diagramDrawing" Target="../diagrams/drawing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2.png"/><Relationship Id="rId23" Type="http://schemas.openxmlformats.org/officeDocument/2006/relationships/image" Target="../media/image15.png"/><Relationship Id="rId10" Type="http://schemas.openxmlformats.org/officeDocument/2006/relationships/diagramQuickStyle" Target="../diagrams/quickStyle2.xml"/><Relationship Id="rId19" Type="http://schemas.openxmlformats.org/officeDocument/2006/relationships/diagramColors" Target="../diagrams/colors3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1.png"/><Relationship Id="rId22" Type="http://schemas.openxmlformats.org/officeDocument/2006/relationships/image" Target="../media/image14.pn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diagramLayout" Target="../diagrams/layout4.xml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11" Type="http://schemas.openxmlformats.org/officeDocument/2006/relationships/image" Target="../media/image24.png"/><Relationship Id="rId5" Type="http://schemas.openxmlformats.org/officeDocument/2006/relationships/diagramColors" Target="../diagrams/colors4.xml"/><Relationship Id="rId10" Type="http://schemas.openxmlformats.org/officeDocument/2006/relationships/image" Target="../media/image23.png"/><Relationship Id="rId4" Type="http://schemas.openxmlformats.org/officeDocument/2006/relationships/diagramQuickStyle" Target="../diagrams/quickStyle4.xml"/><Relationship Id="rId9" Type="http://schemas.openxmlformats.org/officeDocument/2006/relationships/image" Target="../media/image22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18071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/>
          <p:cNvSpPr/>
          <p:nvPr/>
        </p:nvSpPr>
        <p:spPr>
          <a:xfrm>
            <a:off x="5057775" y="2008120"/>
            <a:ext cx="6511048" cy="4134489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0283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Client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Manage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lvl="1" algn="just"/>
            <a:r>
              <a:rPr lang="fr-FR" sz="1600" dirty="0" err="1" smtClean="0"/>
              <a:t>Add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Remove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Modify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Download</a:t>
            </a:r>
            <a:r>
              <a:rPr lang="fr-FR" sz="1600" dirty="0" smtClean="0"/>
              <a:t> </a:t>
            </a:r>
            <a:r>
              <a:rPr lang="fr-FR" sz="1600" dirty="0" err="1" smtClean="0"/>
              <a:t>survey</a:t>
            </a:r>
            <a:r>
              <a:rPr lang="fr-FR" sz="1600" dirty="0" smtClean="0"/>
              <a:t> </a:t>
            </a:r>
            <a:r>
              <a:rPr lang="fr-FR" sz="1600" dirty="0" err="1" smtClean="0"/>
              <a:t>answers</a:t>
            </a:r>
            <a:endParaRPr lang="fr-FR" sz="16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760"/>
          <a:stretch/>
        </p:blipFill>
        <p:spPr>
          <a:xfrm>
            <a:off x="5067300" y="2017645"/>
            <a:ext cx="6501523" cy="412496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8556" y="2835479"/>
            <a:ext cx="4937668" cy="2803321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86705" y="2952355"/>
            <a:ext cx="6219768" cy="18705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7826" y="2737493"/>
            <a:ext cx="5877527" cy="1150148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9435" y="2101646"/>
            <a:ext cx="3277038" cy="398464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1314" y="2705000"/>
            <a:ext cx="6405159" cy="118264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3214003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4" grpId="1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Interpretation</a:t>
            </a:r>
            <a:r>
              <a:rPr lang="fr-FR" sz="2000" dirty="0"/>
              <a:t> of </a:t>
            </a:r>
            <a:r>
              <a:rPr lang="fr-FR" sz="2000" dirty="0" err="1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Host the </a:t>
            </a:r>
            <a:r>
              <a:rPr lang="fr-FR" sz="2000" dirty="0" err="1"/>
              <a:t>tool</a:t>
            </a:r>
            <a:r>
              <a:rPr lang="fr-FR" sz="2000" dirty="0"/>
              <a:t> on 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err="1">
                <a:sym typeface="Wingdings" panose="05000000000000000000" pitchFamily="2" charset="2"/>
              </a:rPr>
              <a:t>Download</a:t>
            </a:r>
            <a:r>
              <a:rPr lang="fr-FR" sz="2000" dirty="0">
                <a:sym typeface="Wingdings" panose="05000000000000000000" pitchFamily="2" charset="2"/>
              </a:rPr>
              <a:t> and data </a:t>
            </a:r>
            <a:r>
              <a:rPr lang="fr-FR" sz="2000" dirty="0" err="1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/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/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  <p:graphicFrame>
        <p:nvGraphicFramePr>
          <p:cNvPr id="9" name="Diagram 8"/>
          <p:cNvGraphicFramePr/>
          <p:nvPr>
            <p:extLst/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6" r:lo="rId17" r:qs="rId18" r:cs="rId19"/>
          </a:graphicData>
        </a:graphic>
      </p:graphicFrame>
      <p:pic>
        <p:nvPicPr>
          <p:cNvPr id="3" name="Picture 2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50999" y="2575382"/>
            <a:ext cx="1428966" cy="149543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5971" y="5126509"/>
            <a:ext cx="1303502" cy="122103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18060" y="2611591"/>
            <a:ext cx="1433500" cy="14230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97285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4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2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10" presetClass="exit" presetSubtype="0" fill="hold" grpId="2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5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1500"/>
                            </p:stCondLst>
                            <p:childTnLst>
                              <p:par>
                                <p:cTn id="7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6" fill="hold">
                      <p:stCondLst>
                        <p:cond delay="indefinite"/>
                      </p:stCondLst>
                      <p:childTnLst>
                        <p:par>
                          <p:cTn id="87" fill="hold">
                            <p:stCondLst>
                              <p:cond delay="0"/>
                            </p:stCondLst>
                            <p:childTnLst>
                              <p:par>
                                <p:cTn id="8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1" fill="hold">
                      <p:stCondLst>
                        <p:cond delay="indefinite"/>
                      </p:stCondLst>
                      <p:childTnLst>
                        <p:par>
                          <p:cTn id="92" fill="hold">
                            <p:stCondLst>
                              <p:cond delay="0"/>
                            </p:stCondLst>
                            <p:childTnLst>
                              <p:par>
                                <p:cTn id="9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>
        <p:bldSub>
          <a:bldDgm/>
        </p:bldSub>
      </p:bldGraphic>
      <p:bldGraphic spid="6" grpId="1">
        <p:bldSub>
          <a:bldDgm/>
        </p:bldSub>
      </p:bldGraphic>
      <p:bldGraphic spid="6" grpId="2">
        <p:bldSub>
          <a:bldDgm/>
        </p:bldSub>
      </p:bldGraphic>
      <p:bldGraphic spid="8" grpId="0">
        <p:bldAsOne/>
      </p:bldGraphic>
      <p:bldGraphic spid="8" grpId="1">
        <p:bldAsOne/>
      </p:bldGraphic>
      <p:bldGraphic spid="9" grpId="0">
        <p:bldAsOne/>
      </p:bldGraphic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056131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056131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9854454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9728755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chemeClr val="accent2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415231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/>
          </p:nvPr>
        </p:nvGraphicFramePr>
        <p:xfrm>
          <a:off x="3690827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9890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7086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4708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3366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8180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2286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2197" y="3968875"/>
            <a:ext cx="1490778" cy="1469899"/>
          </a:xfrm>
          <a:prstGeom prst="rect">
            <a:avLst/>
          </a:prstGeom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1236683" y="2835479"/>
            <a:ext cx="245414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GitKraken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 smtClean="0"/>
              <a:t>R </a:t>
            </a:r>
            <a:r>
              <a:rPr lang="fr-FR" sz="2000" dirty="0" err="1" smtClean="0"/>
              <a:t>statistical</a:t>
            </a:r>
            <a:r>
              <a:rPr lang="fr-FR" sz="2000" dirty="0" smtClean="0"/>
              <a:t> </a:t>
            </a:r>
            <a:r>
              <a:rPr lang="fr-FR" sz="2000" dirty="0" err="1" smtClean="0"/>
              <a:t>programming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 err="1" smtClean="0"/>
              <a:t>Nuxit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smtClean="0"/>
              <a:t>Web design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38553561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9363682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70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/>
              <a:t>Started</a:t>
            </a:r>
            <a:r>
              <a:rPr lang="fr-FR" sz="2000" dirty="0"/>
              <a:t> </a:t>
            </a:r>
            <a:r>
              <a:rPr lang="fr-FR" sz="2000" dirty="0" err="1"/>
              <a:t>designing</a:t>
            </a:r>
            <a:r>
              <a:rPr lang="fr-FR" sz="2000" dirty="0"/>
              <a:t> web interface</a:t>
            </a:r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Local </a:t>
            </a:r>
            <a:r>
              <a:rPr lang="fr-FR" sz="2000" dirty="0" err="1"/>
              <a:t>database</a:t>
            </a:r>
            <a:endParaRPr lang="fr-FR" sz="2000" dirty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/>
              <a:t>Rshiny</a:t>
            </a:r>
            <a:r>
              <a:rPr lang="fr-FR" sz="2000" dirty="0"/>
              <a:t> interface</a:t>
            </a:r>
          </a:p>
          <a:p>
            <a:pPr algn="just"/>
            <a:r>
              <a:rPr lang="fr-FR" sz="2000" dirty="0"/>
              <a:t>Strategic </a:t>
            </a:r>
            <a:r>
              <a:rPr lang="fr-FR" sz="2000" dirty="0" err="1"/>
              <a:t>reorientation</a:t>
            </a:r>
            <a:endParaRPr lang="fr-FR" sz="2000" dirty="0"/>
          </a:p>
          <a:p>
            <a:pPr algn="just"/>
            <a:r>
              <a:rPr lang="fr-FR" sz="2000" dirty="0" err="1"/>
              <a:t>Add</a:t>
            </a:r>
            <a:r>
              <a:rPr lang="fr-FR" sz="2000" dirty="0"/>
              <a:t> the </a:t>
            </a:r>
            <a:r>
              <a:rPr lang="fr-FR" sz="2000" dirty="0" err="1"/>
              <a:t>Database</a:t>
            </a:r>
            <a:r>
              <a:rPr lang="fr-FR" sz="2000" dirty="0"/>
              <a:t> on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smtClean="0"/>
              <a:t>server</a:t>
            </a:r>
          </a:p>
          <a:p>
            <a:pPr algn="just"/>
            <a:r>
              <a:rPr lang="fr-FR" sz="2000" dirty="0" err="1" smtClean="0"/>
              <a:t>Executable</a:t>
            </a:r>
            <a:r>
              <a:rPr lang="fr-FR" sz="2000" dirty="0" smtClean="0"/>
              <a:t> file for </a:t>
            </a:r>
            <a:r>
              <a:rPr lang="fr-FR" sz="2000" dirty="0" err="1" smtClean="0"/>
              <a:t>windows</a:t>
            </a:r>
            <a:endParaRPr lang="fr-FR" sz="2000" dirty="0" smtClean="0"/>
          </a:p>
          <a:p>
            <a:pPr algn="just"/>
            <a:r>
              <a:rPr lang="fr-FR" sz="2000" dirty="0" smtClean="0"/>
              <a:t>Application to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(server) </a:t>
            </a:r>
          </a:p>
          <a:p>
            <a:pPr algn="just"/>
            <a:r>
              <a:rPr lang="fr-FR" sz="2000" dirty="0" err="1" smtClean="0"/>
              <a:t>Finished</a:t>
            </a:r>
            <a:r>
              <a:rPr lang="fr-FR" sz="2000" dirty="0" smtClean="0"/>
              <a:t> web </a:t>
            </a:r>
            <a:r>
              <a:rPr lang="fr-FR" sz="2000" dirty="0" err="1" smtClean="0"/>
              <a:t>interfece</a:t>
            </a:r>
            <a:endParaRPr lang="fr-FR" sz="2000" dirty="0" smtClean="0"/>
          </a:p>
          <a:p>
            <a:pPr algn="just"/>
            <a:r>
              <a:rPr lang="fr-FR" sz="2000" dirty="0" err="1" smtClean="0"/>
              <a:t>Created</a:t>
            </a:r>
            <a:r>
              <a:rPr lang="fr-FR" sz="2000" dirty="0" smtClean="0"/>
              <a:t> </a:t>
            </a:r>
            <a:r>
              <a:rPr lang="fr-FR" sz="2000" dirty="0" err="1" smtClean="0"/>
              <a:t>executable</a:t>
            </a:r>
            <a:r>
              <a:rPr lang="fr-FR" sz="2000" dirty="0" smtClean="0"/>
              <a:t> Mac file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Upload</a:t>
            </a:r>
            <a:r>
              <a:rPr lang="fr-FR" sz="2000" dirty="0" smtClean="0"/>
              <a:t> </a:t>
            </a:r>
            <a:r>
              <a:rPr lang="fr-FR" sz="2000" dirty="0" err="1" smtClean="0"/>
              <a:t>everything</a:t>
            </a:r>
            <a:r>
              <a:rPr lang="fr-FR" sz="2000" dirty="0" smtClean="0"/>
              <a:t> to the server</a:t>
            </a: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532043" y="4174036"/>
            <a:ext cx="747613" cy="720427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985645" y="6317152"/>
            <a:ext cx="437979" cy="454201"/>
          </a:xfrm>
          <a:prstGeom prst="rect">
            <a:avLst/>
          </a:prstGeom>
        </p:spPr>
      </p:pic>
      <p:sp>
        <p:nvSpPr>
          <p:cNvPr id="5" name="Right Brace 4"/>
          <p:cNvSpPr/>
          <p:nvPr/>
        </p:nvSpPr>
        <p:spPr>
          <a:xfrm>
            <a:off x="4513277" y="2835479"/>
            <a:ext cx="570451" cy="3397542"/>
          </a:xfrm>
          <a:prstGeom prst="rightBrace">
            <a:avLst/>
          </a:prstGeom>
          <a:ln w="571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60"/>
          <a:stretch/>
        </p:blipFill>
        <p:spPr>
          <a:xfrm>
            <a:off x="1358265" y="2139193"/>
            <a:ext cx="4609089" cy="463216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455"/>
          <a:stretch/>
        </p:blipFill>
        <p:spPr>
          <a:xfrm>
            <a:off x="6296664" y="2139194"/>
            <a:ext cx="4586534" cy="4632160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6327199" y="3649444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" name="Rectangle 11"/>
          <p:cNvSpPr/>
          <p:nvPr/>
        </p:nvSpPr>
        <p:spPr>
          <a:xfrm>
            <a:off x="1386840" y="2402426"/>
            <a:ext cx="1051560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06587" y="1874730"/>
            <a:ext cx="6290138" cy="453149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648394" y="2101646"/>
            <a:ext cx="48665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pp </a:t>
            </a:r>
            <a:r>
              <a:rPr lang="fr-FR" sz="2000" dirty="0" err="1" smtClean="0"/>
              <a:t>preview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Apple and Windows </a:t>
            </a:r>
            <a:r>
              <a:rPr lang="fr-FR" sz="2000" dirty="0" err="1" smtClean="0"/>
              <a:t>download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Accessed</a:t>
            </a:r>
            <a:r>
              <a:rPr lang="fr-FR" sz="2000" dirty="0" smtClean="0"/>
              <a:t> </a:t>
            </a:r>
            <a:r>
              <a:rPr lang="fr-FR" sz="2000" dirty="0" err="1" smtClean="0"/>
              <a:t>from</a:t>
            </a:r>
            <a:r>
              <a:rPr lang="fr-FR" sz="2000" dirty="0" smtClean="0"/>
              <a:t> cellomet.com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nnexion </a:t>
            </a:r>
            <a:r>
              <a:rPr lang="fr-FR" sz="2000" dirty="0" err="1" smtClean="0"/>
              <a:t>button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</p:txBody>
      </p:sp>
    </p:spTree>
    <p:extLst>
      <p:ext uri="{BB962C8B-B14F-4D97-AF65-F5344CB8AC3E}">
        <p14:creationId xmlns:p14="http://schemas.microsoft.com/office/powerpoint/2010/main" val="579206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58</TotalTime>
  <Words>380</Words>
  <Application>Microsoft Office PowerPoint</Application>
  <PresentationFormat>Widescreen</PresentationFormat>
  <Paragraphs>130</Paragraphs>
  <Slides>10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5" baseType="lpstr"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77</cp:revision>
  <dcterms:created xsi:type="dcterms:W3CDTF">2019-11-20T07:40:40Z</dcterms:created>
  <dcterms:modified xsi:type="dcterms:W3CDTF">2020-02-12T08:37:51Z</dcterms:modified>
</cp:coreProperties>
</file>